
<file path=[Content_Types].xml><?xml version="1.0" encoding="utf-8"?>
<Types xmlns="http://schemas.openxmlformats.org/package/2006/content-types"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9"/>
  </p:notesMasterIdLst>
  <p:sldIdLst>
    <p:sldId id="270" r:id="rId5"/>
    <p:sldId id="271" r:id="rId6"/>
    <p:sldId id="268" r:id="rId7"/>
    <p:sldId id="269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8E95EB49-5774-43BB-BEAE-FFE6F854615A}" v="1" dt="2024-09-10T08:47:18.597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 showGuides="1">
      <p:cViewPr varScale="1">
        <p:scale>
          <a:sx n="98" d="100"/>
          <a:sy n="98" d="100"/>
        </p:scale>
        <p:origin x="108" y="22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microsoft.com/office/2018/10/relationships/authors" Target="author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microsoft.com/office/2015/10/relationships/revisionInfo" Target="revisionInfo.xml"/><Relationship Id="rId10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notesMaster" Target="notesMasters/notesMaster1.xml"/><Relationship Id="rId14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loria Asiimwe" userId="c024b75d-292e-4c56-9621-7e555a0fc6d4" providerId="ADAL" clId="{8E95EB49-5774-43BB-BEAE-FFE6F854615A}"/>
    <pc:docChg chg="modSld">
      <pc:chgData name="Gloria Asiimwe" userId="c024b75d-292e-4c56-9621-7e555a0fc6d4" providerId="ADAL" clId="{8E95EB49-5774-43BB-BEAE-FFE6F854615A}" dt="2024-09-10T08:47:26.069" v="7" actId="1076"/>
      <pc:docMkLst>
        <pc:docMk/>
      </pc:docMkLst>
      <pc:sldChg chg="modSp mod">
        <pc:chgData name="Gloria Asiimwe" userId="c024b75d-292e-4c56-9621-7e555a0fc6d4" providerId="ADAL" clId="{8E95EB49-5774-43BB-BEAE-FFE6F854615A}" dt="2024-09-10T08:47:07.821" v="4" actId="13244"/>
        <pc:sldMkLst>
          <pc:docMk/>
          <pc:sldMk cId="4276101519" sldId="268"/>
        </pc:sldMkLst>
        <pc:picChg chg="mod ord">
          <ac:chgData name="Gloria Asiimwe" userId="c024b75d-292e-4c56-9621-7e555a0fc6d4" providerId="ADAL" clId="{8E95EB49-5774-43BB-BEAE-FFE6F854615A}" dt="2024-09-10T08:47:07.821" v="4" actId="13244"/>
          <ac:picMkLst>
            <pc:docMk/>
            <pc:sldMk cId="4276101519" sldId="268"/>
            <ac:picMk id="11" creationId="{F15B75D6-1D29-ADD3-39C9-B983FD907500}"/>
          </ac:picMkLst>
        </pc:picChg>
      </pc:sldChg>
      <pc:sldChg chg="modSp mod">
        <pc:chgData name="Gloria Asiimwe" userId="c024b75d-292e-4c56-9621-7e555a0fc6d4" providerId="ADAL" clId="{8E95EB49-5774-43BB-BEAE-FFE6F854615A}" dt="2024-09-10T08:47:26.069" v="7" actId="1076"/>
        <pc:sldMkLst>
          <pc:docMk/>
          <pc:sldMk cId="3035780936" sldId="271"/>
        </pc:sldMkLst>
        <pc:grpChg chg="mod">
          <ac:chgData name="Gloria Asiimwe" userId="c024b75d-292e-4c56-9621-7e555a0fc6d4" providerId="ADAL" clId="{8E95EB49-5774-43BB-BEAE-FFE6F854615A}" dt="2024-09-10T08:47:26.069" v="7" actId="1076"/>
          <ac:grpSpMkLst>
            <pc:docMk/>
            <pc:sldMk cId="3035780936" sldId="271"/>
            <ac:grpSpMk id="2" creationId="{9760B137-5C54-BC28-FA61-15056378C1C2}"/>
          </ac:grpSpMkLst>
        </pc:grpChg>
        <pc:picChg chg="mod">
          <ac:chgData name="Gloria Asiimwe" userId="c024b75d-292e-4c56-9621-7e555a0fc6d4" providerId="ADAL" clId="{8E95EB49-5774-43BB-BEAE-FFE6F854615A}" dt="2024-09-10T08:47:18.597" v="6" actId="14826"/>
          <ac:picMkLst>
            <pc:docMk/>
            <pc:sldMk cId="3035780936" sldId="271"/>
            <ac:picMk id="6" creationId="{C1099490-13FF-5757-CCED-2CEBEA7250BD}"/>
          </ac:picMkLst>
        </pc:pic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9C01CDD-EED7-6A47-8F70-0F65E6EC44B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81754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9C01CDD-EED7-6A47-8F70-0F65E6EC44BB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461642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0/09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9/10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hyperlink" Target="https://www.iata.org/en/events/all/ighc/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Relationship Id="rId4" Type="http://schemas.openxmlformats.org/officeDocument/2006/relationships/image" Target="../media/image1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4.xml"/><Relationship Id="rId4" Type="http://schemas.openxmlformats.org/officeDocument/2006/relationships/image" Target="../media/image1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ackground Image">
            <a:extLst>
              <a:ext uri="{FF2B5EF4-FFF2-40B4-BE49-F238E27FC236}">
                <a16:creationId xmlns:a16="http://schemas.microsoft.com/office/drawing/2014/main" id="{80AC0AF6-EFB4-E4CA-5502-EC3215018FFE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4"/>
          <a:srcRect l="1464" r="1464"/>
          <a:stretch/>
        </p:blipFill>
        <p:spPr>
          <a:xfrm>
            <a:off x="-1" y="-1"/>
            <a:ext cx="12192005" cy="6928701"/>
          </a:xfrm>
          <a:prstGeom prst="rect">
            <a:avLst/>
          </a:prstGeom>
        </p:spPr>
      </p:pic>
      <p:sp>
        <p:nvSpPr>
          <p:cNvPr id="17" name="Title">
            <a:extLst>
              <a:ext uri="{FF2B5EF4-FFF2-40B4-BE49-F238E27FC236}">
                <a16:creationId xmlns:a16="http://schemas.microsoft.com/office/drawing/2014/main" id="{7E242B1F-447C-C2FD-5776-51AA6272A986}"/>
              </a:ext>
            </a:extLst>
          </p:cNvPr>
          <p:cNvSpPr txBox="1"/>
          <p:nvPr/>
        </p:nvSpPr>
        <p:spPr>
          <a:xfrm>
            <a:off x="-334977" y="4778969"/>
            <a:ext cx="1219200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6000" b="1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  Promotional Ki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42853321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430000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IGHC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R="0" lvl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  <a:hlinkClick r:id="rId2"/>
              </a:rPr>
              <a:t>IGHC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/>
                <a:cs typeface="Aktiv Grotesk"/>
              </a:rPr>
              <a:t>! 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1099490-13FF-5757-CCED-2CEBEA7250BD}"/>
              </a:ext>
            </a:extLst>
          </p:cNvPr>
          <p:cNvPicPr>
            <a:picLocks noChangeAspect="1"/>
          </p:cNvPicPr>
          <p:nvPr/>
        </p:nvPicPr>
        <p:blipFill>
          <a:blip r:embed="rId3"/>
          <a:srcRect/>
          <a:stretch/>
        </p:blipFill>
        <p:spPr>
          <a:xfrm>
            <a:off x="3689846" y="3786588"/>
            <a:ext cx="4812307" cy="2653218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9760B137-5C54-BC28-FA61-15056378C1C2}"/>
              </a:ext>
            </a:extLst>
          </p:cNvPr>
          <p:cNvGrpSpPr>
            <a:grpSpLocks noChangeAspect="1"/>
          </p:cNvGrpSpPr>
          <p:nvPr/>
        </p:nvGrpSpPr>
        <p:grpSpPr>
          <a:xfrm>
            <a:off x="6802531" y="4245181"/>
            <a:ext cx="641288" cy="1280295"/>
            <a:chOff x="1306168" y="815353"/>
            <a:chExt cx="991737" cy="1979946"/>
          </a:xfrm>
        </p:grpSpPr>
        <p:sp>
          <p:nvSpPr>
            <p:cNvPr id="4" name="Freeform 5">
              <a:extLst>
                <a:ext uri="{FF2B5EF4-FFF2-40B4-BE49-F238E27FC236}">
                  <a16:creationId xmlns:a16="http://schemas.microsoft.com/office/drawing/2014/main" id="{784F4C79-23BB-CC21-1A68-0CB9A7E0309D}"/>
                </a:ext>
              </a:extLst>
            </p:cNvPr>
            <p:cNvSpPr>
              <a:spLocks noChangeAspect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1E32FA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0F23B389-7500-B655-E92E-D652C46A3ADA}"/>
                </a:ext>
              </a:extLst>
            </p:cNvPr>
            <p:cNvSpPr>
              <a:spLocks noChangeAspect="1" noChangeArrowheads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rgbClr val="FAC832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D44F791C-AD86-80CD-0ACF-47C5EB2D23EF}"/>
                </a:ext>
              </a:extLst>
            </p:cNvPr>
            <p:cNvSpPr>
              <a:spLocks noChangeAspect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Background Image">
            <a:extLst>
              <a:ext uri="{FF2B5EF4-FFF2-40B4-BE49-F238E27FC236}">
                <a16:creationId xmlns:a16="http://schemas.microsoft.com/office/drawing/2014/main" id="{F15B75D6-1D29-ADD3-39C9-B983FD907500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/>
          <a:srcRect/>
          <a:stretch/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/>
        </p:nvSpPr>
        <p:spPr>
          <a:xfrm>
            <a:off x="0" y="4636149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62878" y="4854431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94B3C006-FB80-C4A2-BB3F-5B7E11F8562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263694" y="585151"/>
            <a:ext cx="4673599" cy="4679202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ackground Image">
            <a:extLst>
              <a:ext uri="{FF2B5EF4-FFF2-40B4-BE49-F238E27FC236}">
                <a16:creationId xmlns:a16="http://schemas.microsoft.com/office/drawing/2014/main" id="{73956BCF-CF91-EF73-2DA8-19F8105B4632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/>
          <a:srcRect l="1530" r="1530"/>
          <a:stretch/>
        </p:blipFill>
        <p:spPr>
          <a:xfrm>
            <a:off x="9051" y="-30827"/>
            <a:ext cx="12192005" cy="6938128"/>
          </a:xfrm>
          <a:prstGeom prst="rect">
            <a:avLst/>
          </a:prstGeom>
        </p:spPr>
      </p:pic>
      <p:sp>
        <p:nvSpPr>
          <p:cNvPr id="20" name="Join me">
            <a:extLst>
              <a:ext uri="{FF2B5EF4-FFF2-40B4-BE49-F238E27FC236}">
                <a16:creationId xmlns:a16="http://schemas.microsoft.com/office/drawing/2014/main" id="{3AEA561C-FDFF-CCBC-88F5-F891CB5B4C91}"/>
              </a:ext>
            </a:extLst>
          </p:cNvPr>
          <p:cNvSpPr txBox="1"/>
          <p:nvPr/>
        </p:nvSpPr>
        <p:spPr>
          <a:xfrm>
            <a:off x="229813" y="4759791"/>
            <a:ext cx="7125097" cy="156966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4800" b="1" i="0" dirty="0">
                <a:solidFill>
                  <a:schemeClr val="bg1"/>
                </a:solidFill>
                <a:effectLst/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</a:t>
            </a:r>
          </a:p>
          <a:p>
            <a:r>
              <a:rPr lang="en-US" sz="48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THE IGHC 2025!</a:t>
            </a:r>
            <a:endParaRPr lang="en-US" sz="4800" dirty="0">
              <a:solidFill>
                <a:schemeClr val="bg1"/>
              </a:solidFill>
              <a:latin typeface="Aktiv Grotesk Medium" panose="020B0504020202020204" pitchFamily="34" charset="0"/>
              <a:ea typeface="Aktiv Grotesk Medium" panose="020B0504020202020204" pitchFamily="34" charset="0"/>
              <a:cs typeface="Aktiv Grotesk Medium" panose="020B05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064567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66afcb7f-0d08-476b-8804-ba06292c329b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be771439-e563-445d-b4a8-ffc53f4215d9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4f2b78fe-3108-4851-8d46-4352ed6a7536.jpe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2e35cad4-3cce-4ed8-95e5-193bc889b03b">
      <Terms xmlns="http://schemas.microsoft.com/office/infopath/2007/PartnerControls"/>
    </lcf76f155ced4ddcb4097134ff3c332f>
    <TaxCatchAll xmlns="d8daea20-883f-4b26-bb4b-17848c87d532" xsi:nil="true"/>
    <SharedWithUsers xmlns="d8daea20-883f-4b26-bb4b-17848c87d532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76B04D6D81962F47AAF1D800DA62A21D" ma:contentTypeVersion="14" ma:contentTypeDescription="Create a new document." ma:contentTypeScope="" ma:versionID="fb59d6600a35c99e179a92f4461e4001">
  <xsd:schema xmlns:xsd="http://www.w3.org/2001/XMLSchema" xmlns:xs="http://www.w3.org/2001/XMLSchema" xmlns:p="http://schemas.microsoft.com/office/2006/metadata/properties" xmlns:ns2="2e35cad4-3cce-4ed8-95e5-193bc889b03b" xmlns:ns3="d8daea20-883f-4b26-bb4b-17848c87d532" targetNamespace="http://schemas.microsoft.com/office/2006/metadata/properties" ma:root="true" ma:fieldsID="57efd694e40634fa2875704e9e335aa6" ns2:_="" ns3:_="">
    <xsd:import namespace="2e35cad4-3cce-4ed8-95e5-193bc889b03b"/>
    <xsd:import namespace="d8daea20-883f-4b26-bb4b-17848c87d532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ObjectDetectorVersions" minOccurs="0"/>
                <xsd:element ref="ns2:MediaServiceLocation" minOccurs="0"/>
                <xsd:element ref="ns2:MediaLengthInSecond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e35cad4-3cce-4ed8-95e5-193bc889b03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lcf76f155ced4ddcb4097134ff3c332f" ma:index="13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5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ObjectDetectorVersions" ma:index="19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Location" ma:index="20" nillable="true" ma:displayName="Location" ma:indexed="true" ma:internalName="MediaServiceLocation" ma:readOnly="true">
      <xsd:simpleType>
        <xsd:restriction base="dms:Text"/>
      </xsd:simpleType>
    </xsd:element>
    <xsd:element name="MediaLengthInSeconds" ma:index="21" nillable="true" ma:displayName="MediaLengthInSeconds" ma:hidden="true" ma:internalName="MediaLengthInSeconds" ma:readOnly="tru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8daea20-883f-4b26-bb4b-17848c87d532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TaxCatchAll" ma:index="14" nillable="true" ma:displayName="Taxonomy Catch All Column" ma:hidden="true" ma:list="{860ae6c7-1eb3-4ed9-ab1a-36404cb48e3c}" ma:internalName="TaxCatchAll" ma:showField="CatchAllData" ma:web="d8daea20-883f-4b26-bb4b-17848c87d532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98825FB-E388-4F1F-8116-2A8A65DD839A}">
  <ds:schemaRefs>
    <ds:schemaRef ds:uri="2e35cad4-3cce-4ed8-95e5-193bc889b03b"/>
    <ds:schemaRef ds:uri="44368c89-e897-4e70-87ff-efe5453df48d"/>
    <ds:schemaRef ds:uri="4ffaaae9-dc8c-459f-a92e-1529c78bcbdb"/>
    <ds:schemaRef ds:uri="7bff2630-a578-4087-aeb6-f47a7c456d66"/>
    <ds:schemaRef ds:uri="86e16ca4-215f-4354-b2b5-4fac53992da1"/>
    <ds:schemaRef ds:uri="d8daea20-883f-4b26-bb4b-17848c87d532"/>
    <ds:schemaRef ds:uri="da655568-1247-43c7-b5ce-0d71de2fb494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4BC58516-5C01-4E9F-A0C0-027D199D441D}">
  <ds:schemaRefs>
    <ds:schemaRef ds:uri="2e35cad4-3cce-4ed8-95e5-193bc889b03b"/>
    <ds:schemaRef ds:uri="d8daea20-883f-4b26-bb4b-17848c87d532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59</TotalTime>
  <Words>122</Words>
  <Application>Microsoft Office PowerPoint</Application>
  <PresentationFormat>Widescreen</PresentationFormat>
  <Paragraphs>13</Paragraphs>
  <Slides>4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Gloria Asiimwe</cp:lastModifiedBy>
  <cp:revision>2</cp:revision>
  <dcterms:created xsi:type="dcterms:W3CDTF">2021-04-21T15:11:41Z</dcterms:created>
  <dcterms:modified xsi:type="dcterms:W3CDTF">2024-09-10T08:47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76B04D6D81962F47AAF1D800DA62A21D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